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G\55_保健医療データ活用事業\5560_基盤整備\NTTとの打合せ等\市町村事業評価支援用資料送付\掲載用\"/>
    </mc:Choice>
  </mc:AlternateContent>
  <bookViews>
    <workbookView xWindow="0" yWindow="0" windowWidth="19200" windowHeight="6490"/>
  </bookViews>
  <sheets>
    <sheet name="一人当たりの基準総所得額の推移" sheetId="1" r:id="rId1"/>
  </sheets>
  <externalReferences>
    <externalReference r:id="rId2"/>
  </externalReference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一人当たりの基準総所得額の推移!$A$1:$Q$4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9" uniqueCount="55">
  <si>
    <t>２.　保険料・税（１）　調定額・基準総所得金額等の状況</t>
    <rPh sb="12" eb="13">
      <t>チョウ</t>
    </rPh>
    <rPh sb="13" eb="14">
      <t>テイ</t>
    </rPh>
    <rPh sb="14" eb="15">
      <t>ガク</t>
    </rPh>
    <rPh sb="16" eb="18">
      <t>キジュン</t>
    </rPh>
    <rPh sb="18" eb="21">
      <t>ソウショトク</t>
    </rPh>
    <rPh sb="21" eb="23">
      <t>キンガク</t>
    </rPh>
    <rPh sb="23" eb="24">
      <t>トウ</t>
    </rPh>
    <rPh sb="25" eb="27">
      <t>ジョウキョウ</t>
    </rPh>
    <phoneticPr fontId="4"/>
  </si>
  <si>
    <t>・一人当たり基準総所得金額の推移</t>
    <rPh sb="1" eb="3">
      <t>ヒトリ</t>
    </rPh>
    <rPh sb="3" eb="4">
      <t>ア</t>
    </rPh>
    <rPh sb="6" eb="8">
      <t>キジュン</t>
    </rPh>
    <rPh sb="8" eb="11">
      <t>ソウショトク</t>
    </rPh>
    <rPh sb="11" eb="13">
      <t>キンガク</t>
    </rPh>
    <rPh sb="14" eb="16">
      <t>スイイ</t>
    </rPh>
    <phoneticPr fontId="4"/>
  </si>
  <si>
    <t>保険者名</t>
  </si>
  <si>
    <t>28年度（医療分）</t>
    <rPh sb="5" eb="7">
      <t>イリョウ</t>
    </rPh>
    <rPh sb="7" eb="8">
      <t>ブン</t>
    </rPh>
    <phoneticPr fontId="4"/>
  </si>
  <si>
    <t>29年度（医療分）</t>
    <rPh sb="5" eb="7">
      <t>イリョウ</t>
    </rPh>
    <rPh sb="7" eb="8">
      <t>ブン</t>
    </rPh>
    <phoneticPr fontId="4"/>
  </si>
  <si>
    <t>30年度（医療分）</t>
    <rPh sb="5" eb="7">
      <t>イリョウ</t>
    </rPh>
    <rPh sb="7" eb="8">
      <t>ブン</t>
    </rPh>
    <phoneticPr fontId="4"/>
  </si>
  <si>
    <t>元年度（医療分）</t>
    <rPh sb="0" eb="1">
      <t>ガン</t>
    </rPh>
    <rPh sb="4" eb="6">
      <t>イリョウ</t>
    </rPh>
    <rPh sb="6" eb="7">
      <t>ブン</t>
    </rPh>
    <phoneticPr fontId="4"/>
  </si>
  <si>
    <t>２年度（医療分）</t>
    <rPh sb="4" eb="6">
      <t>イリョウ</t>
    </rPh>
    <rPh sb="6" eb="7">
      <t>ブン</t>
    </rPh>
    <phoneticPr fontId="4"/>
  </si>
  <si>
    <t>円</t>
  </si>
  <si>
    <t>順</t>
  </si>
  <si>
    <t>27→28</t>
  </si>
  <si>
    <t>円</t>
    <phoneticPr fontId="4"/>
  </si>
  <si>
    <t>28→29</t>
  </si>
  <si>
    <t>29→30</t>
  </si>
  <si>
    <t>30→元</t>
    <rPh sb="3" eb="4">
      <t>ガン</t>
    </rPh>
    <phoneticPr fontId="4"/>
  </si>
  <si>
    <t>元→２</t>
    <rPh sb="0" eb="1">
      <t>ガン</t>
    </rPh>
    <phoneticPr fontId="4"/>
  </si>
  <si>
    <t>位</t>
  </si>
  <si>
    <t>伸率%</t>
  </si>
  <si>
    <t>伸率%</t>
    <phoneticPr fontId="4"/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葉山町</t>
  </si>
  <si>
    <t xml:space="preserve"> 寒川町</t>
  </si>
  <si>
    <t xml:space="preserve"> 綾瀬市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>市    平    均</t>
    <rPh sb="5" eb="6">
      <t>ヒラ</t>
    </rPh>
    <rPh sb="10" eb="11">
      <t>ヒトシ</t>
    </rPh>
    <phoneticPr fontId="4"/>
  </si>
  <si>
    <t>町 村 平 均</t>
    <rPh sb="0" eb="1">
      <t>マチ</t>
    </rPh>
    <rPh sb="2" eb="3">
      <t>ムラ</t>
    </rPh>
    <rPh sb="4" eb="5">
      <t>ヒラ</t>
    </rPh>
    <rPh sb="6" eb="7">
      <t>ヒトシ</t>
    </rPh>
    <phoneticPr fontId="17"/>
  </si>
  <si>
    <t>市町村平均</t>
    <rPh sb="0" eb="3">
      <t>シチョウソン</t>
    </rPh>
    <rPh sb="3" eb="5">
      <t>ヘイキン</t>
    </rPh>
    <phoneticPr fontId="1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;[Red]\-#,##0\ "/>
  </numFmts>
  <fonts count="19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10"/>
      <color indexed="10"/>
      <name val="ＭＳ Ｐゴシック"/>
      <family val="3"/>
      <charset val="128"/>
    </font>
    <font>
      <b/>
      <sz val="10"/>
      <color theme="9" tint="0.59999389629810485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10"/>
      <name val="ＭＳ Ｐゴシック"/>
      <family val="3"/>
      <charset val="128"/>
    </font>
    <font>
      <sz val="10"/>
      <name val="ＭＳ ゴシック"/>
      <family val="3"/>
      <charset val="128"/>
    </font>
    <font>
      <sz val="12"/>
      <color rgb="FFCCECFF"/>
      <name val="ＭＳ Ｐゴシック"/>
      <family val="3"/>
      <charset val="128"/>
    </font>
    <font>
      <sz val="9"/>
      <color rgb="FFCCECFF"/>
      <name val="ＭＳ Ｐゴシック"/>
      <family val="3"/>
      <charset val="128"/>
    </font>
    <font>
      <sz val="10"/>
      <color indexed="8"/>
      <name val="ＭＳ Ｐゴシック"/>
      <family val="3"/>
      <charset val="128"/>
    </font>
    <font>
      <sz val="10"/>
      <name val="ＭＳ 明朝"/>
      <family val="1"/>
      <charset val="128"/>
    </font>
    <font>
      <sz val="12"/>
      <name val="ＭＳ Ｐゴシック"/>
      <family val="3"/>
      <charset val="128"/>
    </font>
    <font>
      <sz val="14"/>
      <name val="ＭＳ ゴシック"/>
      <family val="3"/>
      <charset val="128"/>
    </font>
    <font>
      <sz val="14"/>
      <name val="Terminal"/>
      <family val="3"/>
      <charset val="255"/>
    </font>
  </fonts>
  <fills count="2">
    <fill>
      <patternFill patternType="none"/>
    </fill>
    <fill>
      <patternFill patternType="gray125"/>
    </fill>
  </fills>
  <borders count="2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4">
    <xf numFmtId="0" fontId="0" fillId="0" borderId="0"/>
    <xf numFmtId="38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37" fontId="18" fillId="0" borderId="0"/>
  </cellStyleXfs>
  <cellXfs count="83">
    <xf numFmtId="0" fontId="0" fillId="0" borderId="0" xfId="0"/>
    <xf numFmtId="38" fontId="2" fillId="0" borderId="0" xfId="1" applyFont="1" applyFill="1"/>
    <xf numFmtId="38" fontId="5" fillId="0" borderId="0" xfId="1" applyFont="1" applyFill="1"/>
    <xf numFmtId="38" fontId="5" fillId="0" borderId="0" xfId="1" applyNumberFormat="1" applyFont="1" applyFill="1"/>
    <xf numFmtId="38" fontId="6" fillId="0" borderId="0" xfId="1" applyFont="1" applyFill="1"/>
    <xf numFmtId="38" fontId="7" fillId="0" borderId="0" xfId="1" applyFont="1" applyFill="1" applyAlignment="1">
      <alignment horizontal="right"/>
    </xf>
    <xf numFmtId="38" fontId="8" fillId="0" borderId="0" xfId="1" applyFont="1" applyFill="1" applyAlignment="1">
      <alignment horizontal="center"/>
    </xf>
    <xf numFmtId="38" fontId="5" fillId="0" borderId="1" xfId="1" applyFont="1" applyFill="1" applyBorder="1" applyAlignment="1">
      <alignment horizontal="distributed" vertical="center" justifyLastLine="1"/>
    </xf>
    <xf numFmtId="0" fontId="0" fillId="0" borderId="2" xfId="0" applyFill="1" applyBorder="1" applyAlignment="1">
      <alignment horizontal="distributed" vertical="center" justifyLastLine="1"/>
    </xf>
    <xf numFmtId="38" fontId="5" fillId="0" borderId="3" xfId="1" quotePrefix="1" applyFont="1" applyFill="1" applyBorder="1" applyAlignment="1">
      <alignment horizontal="center"/>
    </xf>
    <xf numFmtId="38" fontId="5" fillId="0" borderId="4" xfId="1" quotePrefix="1" applyFont="1" applyFill="1" applyBorder="1" applyAlignment="1">
      <alignment horizontal="center"/>
    </xf>
    <xf numFmtId="38" fontId="5" fillId="0" borderId="5" xfId="1" quotePrefix="1" applyFont="1" applyFill="1" applyBorder="1" applyAlignment="1">
      <alignment horizontal="center"/>
    </xf>
    <xf numFmtId="38" fontId="5" fillId="0" borderId="3" xfId="1" applyFont="1" applyFill="1" applyBorder="1" applyAlignment="1">
      <alignment horizontal="center"/>
    </xf>
    <xf numFmtId="38" fontId="5" fillId="0" borderId="4" xfId="1" applyFont="1" applyFill="1" applyBorder="1" applyAlignment="1">
      <alignment horizontal="center"/>
    </xf>
    <xf numFmtId="38" fontId="5" fillId="0" borderId="5" xfId="1" applyFont="1" applyFill="1" applyBorder="1" applyAlignment="1">
      <alignment horizontal="center"/>
    </xf>
    <xf numFmtId="0" fontId="5" fillId="0" borderId="2" xfId="0" applyFont="1" applyFill="1" applyBorder="1" applyAlignment="1">
      <alignment horizontal="center"/>
    </xf>
    <xf numFmtId="38" fontId="5" fillId="0" borderId="6" xfId="1" quotePrefix="1" applyFont="1" applyFill="1" applyBorder="1" applyAlignment="1">
      <alignment horizontal="center"/>
    </xf>
    <xf numFmtId="38" fontId="7" fillId="0" borderId="0" xfId="1" quotePrefix="1" applyFont="1" applyFill="1" applyAlignment="1">
      <alignment horizontal="right"/>
    </xf>
    <xf numFmtId="0" fontId="0" fillId="0" borderId="7" xfId="0" applyFill="1" applyBorder="1" applyAlignment="1">
      <alignment horizontal="distributed" vertical="center" justifyLastLine="1"/>
    </xf>
    <xf numFmtId="0" fontId="0" fillId="0" borderId="8" xfId="0" applyFill="1" applyBorder="1" applyAlignment="1">
      <alignment horizontal="distributed" vertical="center" justifyLastLine="1"/>
    </xf>
    <xf numFmtId="38" fontId="5" fillId="0" borderId="9" xfId="1" applyFont="1" applyFill="1" applyBorder="1" applyAlignment="1">
      <alignment horizontal="center" vertical="center"/>
    </xf>
    <xf numFmtId="38" fontId="9" fillId="0" borderId="9" xfId="1" applyFont="1" applyFill="1" applyBorder="1" applyAlignment="1">
      <alignment horizontal="center"/>
    </xf>
    <xf numFmtId="38" fontId="5" fillId="0" borderId="9" xfId="1" quotePrefix="1" applyFont="1" applyFill="1" applyBorder="1" applyAlignment="1">
      <alignment horizontal="center"/>
    </xf>
    <xf numFmtId="38" fontId="5" fillId="0" borderId="9" xfId="1" quotePrefix="1" applyFont="1" applyFill="1" applyBorder="1" applyAlignment="1">
      <alignment horizontal="center" vertical="center"/>
    </xf>
    <xf numFmtId="38" fontId="5" fillId="0" borderId="8" xfId="1" applyFont="1" applyFill="1" applyBorder="1" applyAlignment="1">
      <alignment horizontal="center" vertical="center"/>
    </xf>
    <xf numFmtId="38" fontId="5" fillId="0" borderId="10" xfId="1" quotePrefix="1" applyFont="1" applyFill="1" applyBorder="1" applyAlignment="1">
      <alignment horizontal="center"/>
    </xf>
    <xf numFmtId="38" fontId="5" fillId="0" borderId="11" xfId="1" quotePrefix="1" applyFont="1" applyFill="1" applyBorder="1" applyAlignment="1">
      <alignment horizontal="center"/>
    </xf>
    <xf numFmtId="38" fontId="5" fillId="0" borderId="12" xfId="1" applyFont="1" applyFill="1" applyBorder="1" applyAlignment="1">
      <alignment horizontal="center" vertical="center"/>
    </xf>
    <xf numFmtId="38" fontId="9" fillId="0" borderId="12" xfId="1" applyFont="1" applyFill="1" applyBorder="1" applyAlignment="1">
      <alignment horizontal="center"/>
    </xf>
    <xf numFmtId="38" fontId="5" fillId="0" borderId="12" xfId="1" applyFont="1" applyFill="1" applyBorder="1" applyAlignment="1">
      <alignment horizontal="left"/>
    </xf>
    <xf numFmtId="38" fontId="5" fillId="0" borderId="12" xfId="1" applyFont="1" applyFill="1" applyBorder="1" applyAlignment="1">
      <alignment horizontal="center" vertical="center"/>
    </xf>
    <xf numFmtId="38" fontId="5" fillId="0" borderId="12" xfId="1" quotePrefix="1" applyFont="1" applyFill="1" applyBorder="1" applyAlignment="1">
      <alignment horizontal="center" vertical="center"/>
    </xf>
    <xf numFmtId="38" fontId="5" fillId="0" borderId="12" xfId="1" applyFont="1" applyFill="1" applyBorder="1" applyAlignment="1">
      <alignment horizontal="center"/>
    </xf>
    <xf numFmtId="38" fontId="5" fillId="0" borderId="13" xfId="1" applyFont="1" applyFill="1" applyBorder="1" applyAlignment="1">
      <alignment horizontal="centerContinuous"/>
    </xf>
    <xf numFmtId="38" fontId="5" fillId="0" borderId="14" xfId="1" applyFont="1" applyFill="1" applyBorder="1" applyAlignment="1">
      <alignment horizontal="centerContinuous"/>
    </xf>
    <xf numFmtId="38" fontId="5" fillId="0" borderId="0" xfId="1" applyFont="1" applyFill="1" applyBorder="1"/>
    <xf numFmtId="38" fontId="7" fillId="0" borderId="0" xfId="1" applyFont="1" applyFill="1" applyBorder="1" applyAlignment="1">
      <alignment horizontal="right"/>
    </xf>
    <xf numFmtId="38" fontId="10" fillId="0" borderId="15" xfId="1" applyFont="1" applyFill="1" applyBorder="1"/>
    <xf numFmtId="38" fontId="11" fillId="0" borderId="8" xfId="1" applyFont="1" applyFill="1" applyBorder="1"/>
    <xf numFmtId="176" fontId="5" fillId="0" borderId="8" xfId="1" applyNumberFormat="1" applyFont="1" applyFill="1" applyBorder="1"/>
    <xf numFmtId="38" fontId="5" fillId="0" borderId="8" xfId="1" applyNumberFormat="1" applyFont="1" applyFill="1" applyBorder="1"/>
    <xf numFmtId="4" fontId="5" fillId="0" borderId="8" xfId="1" applyNumberFormat="1" applyFont="1" applyFill="1" applyBorder="1"/>
    <xf numFmtId="3" fontId="5" fillId="0" borderId="8" xfId="1" applyNumberFormat="1" applyFont="1" applyFill="1" applyBorder="1"/>
    <xf numFmtId="38" fontId="5" fillId="0" borderId="8" xfId="1" applyFont="1" applyFill="1" applyBorder="1"/>
    <xf numFmtId="4" fontId="5" fillId="0" borderId="16" xfId="1" applyNumberFormat="1" applyFont="1" applyFill="1" applyBorder="1"/>
    <xf numFmtId="38" fontId="12" fillId="0" borderId="0" xfId="1" applyFont="1" applyFill="1"/>
    <xf numFmtId="38" fontId="12" fillId="0" borderId="0" xfId="1" applyFont="1" applyFill="1" applyBorder="1"/>
    <xf numFmtId="10" fontId="5" fillId="0" borderId="0" xfId="2" applyNumberFormat="1" applyFont="1" applyFill="1"/>
    <xf numFmtId="38" fontId="13" fillId="0" borderId="0" xfId="1" applyFont="1" applyFill="1"/>
    <xf numFmtId="38" fontId="10" fillId="0" borderId="17" xfId="1" applyFont="1" applyFill="1" applyBorder="1"/>
    <xf numFmtId="40" fontId="5" fillId="0" borderId="8" xfId="1" applyNumberFormat="1" applyFont="1" applyFill="1" applyBorder="1"/>
    <xf numFmtId="0" fontId="5" fillId="0" borderId="8" xfId="1" applyNumberFormat="1" applyFont="1" applyFill="1" applyBorder="1"/>
    <xf numFmtId="38" fontId="10" fillId="0" borderId="18" xfId="1" applyFont="1" applyFill="1" applyBorder="1"/>
    <xf numFmtId="38" fontId="11" fillId="0" borderId="19" xfId="1" applyFont="1" applyFill="1" applyBorder="1"/>
    <xf numFmtId="176" fontId="5" fillId="0" borderId="19" xfId="1" applyNumberFormat="1" applyFont="1" applyFill="1" applyBorder="1"/>
    <xf numFmtId="38" fontId="5" fillId="0" borderId="19" xfId="1" applyNumberFormat="1" applyFont="1" applyFill="1" applyBorder="1"/>
    <xf numFmtId="4" fontId="5" fillId="0" borderId="19" xfId="1" applyNumberFormat="1" applyFont="1" applyFill="1" applyBorder="1"/>
    <xf numFmtId="3" fontId="5" fillId="0" borderId="19" xfId="1" applyNumberFormat="1" applyFont="1" applyFill="1" applyBorder="1"/>
    <xf numFmtId="38" fontId="5" fillId="0" borderId="19" xfId="1" applyFont="1" applyFill="1" applyBorder="1"/>
    <xf numFmtId="4" fontId="5" fillId="0" borderId="20" xfId="1" applyNumberFormat="1" applyFont="1" applyFill="1" applyBorder="1"/>
    <xf numFmtId="38" fontId="14" fillId="0" borderId="21" xfId="1" applyFont="1" applyFill="1" applyBorder="1" applyAlignment="1">
      <alignment horizontal="distributed" justifyLastLine="1"/>
    </xf>
    <xf numFmtId="0" fontId="15" fillId="0" borderId="22" xfId="0" applyFont="1" applyFill="1" applyBorder="1" applyAlignment="1">
      <alignment horizontal="distributed" justifyLastLine="1"/>
    </xf>
    <xf numFmtId="176" fontId="5" fillId="0" borderId="22" xfId="1" applyNumberFormat="1" applyFont="1" applyFill="1" applyBorder="1"/>
    <xf numFmtId="40" fontId="5" fillId="0" borderId="22" xfId="1" applyNumberFormat="1" applyFont="1" applyFill="1" applyBorder="1"/>
    <xf numFmtId="4" fontId="5" fillId="0" borderId="22" xfId="1" applyNumberFormat="1" applyFont="1" applyFill="1" applyBorder="1"/>
    <xf numFmtId="3" fontId="5" fillId="0" borderId="22" xfId="1" applyNumberFormat="1" applyFont="1" applyFill="1" applyBorder="1"/>
    <xf numFmtId="38" fontId="5" fillId="0" borderId="22" xfId="1" applyNumberFormat="1" applyFont="1" applyFill="1" applyBorder="1"/>
    <xf numFmtId="0" fontId="5" fillId="0" borderId="22" xfId="1" applyNumberFormat="1" applyFont="1" applyFill="1" applyBorder="1"/>
    <xf numFmtId="38" fontId="5" fillId="0" borderId="22" xfId="1" applyFont="1" applyFill="1" applyBorder="1"/>
    <xf numFmtId="4" fontId="5" fillId="0" borderId="23" xfId="1" applyNumberFormat="1" applyFont="1" applyFill="1" applyBorder="1"/>
    <xf numFmtId="38" fontId="16" fillId="0" borderId="0" xfId="1" applyFont="1" applyFill="1"/>
    <xf numFmtId="38" fontId="14" fillId="0" borderId="24" xfId="1" applyFont="1" applyFill="1" applyBorder="1" applyAlignment="1">
      <alignment horizontal="distributed" justifyLastLine="1"/>
    </xf>
    <xf numFmtId="0" fontId="15" fillId="0" borderId="25" xfId="0" applyFont="1" applyFill="1" applyBorder="1" applyAlignment="1">
      <alignment horizontal="distributed" justifyLastLine="1"/>
    </xf>
    <xf numFmtId="176" fontId="5" fillId="0" borderId="25" xfId="1" applyNumberFormat="1" applyFont="1" applyFill="1" applyBorder="1"/>
    <xf numFmtId="40" fontId="5" fillId="0" borderId="25" xfId="1" applyNumberFormat="1" applyFont="1" applyFill="1" applyBorder="1"/>
    <xf numFmtId="4" fontId="5" fillId="0" borderId="25" xfId="1" applyNumberFormat="1" applyFont="1" applyFill="1" applyBorder="1"/>
    <xf numFmtId="3" fontId="5" fillId="0" borderId="25" xfId="1" applyNumberFormat="1" applyFont="1" applyFill="1" applyBorder="1"/>
    <xf numFmtId="38" fontId="5" fillId="0" borderId="25" xfId="1" applyNumberFormat="1" applyFont="1" applyFill="1" applyBorder="1"/>
    <xf numFmtId="0" fontId="5" fillId="0" borderId="25" xfId="1" applyNumberFormat="1" applyFont="1" applyFill="1" applyBorder="1"/>
    <xf numFmtId="38" fontId="5" fillId="0" borderId="25" xfId="1" applyFont="1" applyFill="1" applyBorder="1"/>
    <xf numFmtId="4" fontId="5" fillId="0" borderId="26" xfId="1" applyNumberFormat="1" applyFont="1" applyFill="1" applyBorder="1"/>
    <xf numFmtId="37" fontId="6" fillId="0" borderId="0" xfId="3" applyFont="1" applyFill="1"/>
    <xf numFmtId="38" fontId="2" fillId="0" borderId="0" xfId="1" applyFont="1" applyFill="1" applyAlignment="1">
      <alignment horizontal="right" wrapText="1"/>
    </xf>
  </cellXfs>
  <cellStyles count="4">
    <cellStyle name="パーセント" xfId="2" builtinId="5"/>
    <cellStyle name="桁区切り" xfId="1" builtinId="6"/>
    <cellStyle name="標準" xfId="0" builtinId="0"/>
    <cellStyle name="標準_単独集計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2_&#20581;&#24247;&#12389;&#12367;&#12426;G/55_&#20445;&#20581;&#21307;&#30274;&#12487;&#12540;&#12479;&#27963;&#29992;&#20107;&#26989;/5560_&#22522;&#30436;&#25972;&#20633;/NTT&#12392;&#12398;&#25171;&#21512;&#12379;&#31561;/&#24066;&#30010;&#26449;&#20107;&#26989;&#35413;&#20385;&#25903;&#25588;&#29992;&#36039;&#26009;&#36865;&#20184;/&#20445;&#38522;&#26009;&#21454;&#32013;&#29575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人当たりの基準総所得額の推移"/>
      <sheetName val=" 一人当たり調定額の推移"/>
      <sheetName val="一世帯当たりの調定額の推移"/>
      <sheetName val="負担率の推移"/>
      <sheetName val="収納率の推移（現年分）"/>
      <sheetName val="収納率の推移（滞納繰越分）"/>
      <sheetName val="収納率の推移（現年分・滞納繰越分合計）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43"/>
  <sheetViews>
    <sheetView tabSelected="1" zoomScaleNormal="100" zoomScaleSheetLayoutView="120" workbookViewId="0">
      <pane xSplit="2" ySplit="5" topLeftCell="C6" activePane="bottomRight" state="frozen"/>
      <selection pane="topRight" activeCell="X1" sqref="X1"/>
      <selection pane="bottomLeft" activeCell="A6" sqref="A6"/>
      <selection pane="bottomRight"/>
    </sheetView>
  </sheetViews>
  <sheetFormatPr defaultColWidth="9" defaultRowHeight="13" x14ac:dyDescent="0.2"/>
  <cols>
    <col min="1" max="1" width="3.6328125" style="2" customWidth="1"/>
    <col min="2" max="2" width="9.90625" style="2" customWidth="1"/>
    <col min="3" max="3" width="8.08984375" style="2" customWidth="1"/>
    <col min="4" max="4" width="3.08984375" style="2" customWidth="1"/>
    <col min="5" max="5" width="5.90625" style="2" customWidth="1"/>
    <col min="6" max="6" width="8.08984375" style="2" customWidth="1"/>
    <col min="7" max="7" width="3.08984375" style="2" customWidth="1"/>
    <col min="8" max="8" width="5.90625" style="2" customWidth="1"/>
    <col min="9" max="9" width="7.453125" style="2" customWidth="1"/>
    <col min="10" max="10" width="3.08984375" style="3" customWidth="1"/>
    <col min="11" max="11" width="5.90625" style="2" customWidth="1"/>
    <col min="12" max="12" width="7.453125" style="2" customWidth="1"/>
    <col min="13" max="13" width="3.08984375" style="2" customWidth="1"/>
    <col min="14" max="14" width="5.90625" style="2" customWidth="1"/>
    <col min="15" max="15" width="8.08984375" style="2" customWidth="1"/>
    <col min="16" max="16" width="3.08984375" style="2" customWidth="1"/>
    <col min="17" max="17" width="5.90625" style="2" customWidth="1"/>
    <col min="18" max="18" width="4" style="2" customWidth="1"/>
    <col min="19" max="19" width="20.1796875" style="1" bestFit="1" customWidth="1"/>
    <col min="20" max="20" width="21.36328125" style="1" bestFit="1" customWidth="1"/>
    <col min="21" max="21" width="9" style="2"/>
    <col min="22" max="22" width="10" style="2" bestFit="1" customWidth="1"/>
    <col min="23" max="23" width="12.36328125" style="2" bestFit="1" customWidth="1"/>
    <col min="24" max="16384" width="9" style="2"/>
  </cols>
  <sheetData>
    <row r="1" spans="1:22" ht="15.75" customHeight="1" x14ac:dyDescent="0.2">
      <c r="A1" s="1" t="s">
        <v>0</v>
      </c>
      <c r="O1" s="4"/>
      <c r="P1" s="4"/>
      <c r="Q1" s="4"/>
      <c r="R1" s="4"/>
      <c r="S1" s="5"/>
      <c r="T1" s="5"/>
    </row>
    <row r="2" spans="1:22" ht="15.75" customHeight="1" thickBot="1" x14ac:dyDescent="0.25">
      <c r="A2" s="1"/>
      <c r="B2" s="1" t="s">
        <v>1</v>
      </c>
      <c r="O2" s="4"/>
      <c r="P2" s="4"/>
      <c r="Q2" s="4"/>
      <c r="R2" s="4"/>
      <c r="S2" s="6"/>
      <c r="T2" s="6"/>
    </row>
    <row r="3" spans="1:22" ht="15" customHeight="1" x14ac:dyDescent="0.2">
      <c r="A3" s="7" t="s">
        <v>2</v>
      </c>
      <c r="B3" s="8"/>
      <c r="C3" s="9" t="s">
        <v>3</v>
      </c>
      <c r="D3" s="10"/>
      <c r="E3" s="11"/>
      <c r="F3" s="12" t="s">
        <v>4</v>
      </c>
      <c r="G3" s="13"/>
      <c r="H3" s="14"/>
      <c r="I3" s="15" t="s">
        <v>5</v>
      </c>
      <c r="J3" s="15"/>
      <c r="K3" s="15"/>
      <c r="L3" s="9" t="s">
        <v>6</v>
      </c>
      <c r="M3" s="10"/>
      <c r="N3" s="11"/>
      <c r="O3" s="9" t="s">
        <v>7</v>
      </c>
      <c r="P3" s="10"/>
      <c r="Q3" s="16"/>
      <c r="S3" s="17"/>
      <c r="T3" s="5"/>
    </row>
    <row r="4" spans="1:22" ht="15" customHeight="1" x14ac:dyDescent="0.2">
      <c r="A4" s="18"/>
      <c r="B4" s="19"/>
      <c r="C4" s="20" t="s">
        <v>8</v>
      </c>
      <c r="D4" s="21" t="s">
        <v>9</v>
      </c>
      <c r="E4" s="22" t="s">
        <v>10</v>
      </c>
      <c r="F4" s="20" t="s">
        <v>11</v>
      </c>
      <c r="G4" s="21" t="s">
        <v>9</v>
      </c>
      <c r="H4" s="22" t="s">
        <v>12</v>
      </c>
      <c r="I4" s="23" t="s">
        <v>8</v>
      </c>
      <c r="J4" s="21" t="s">
        <v>9</v>
      </c>
      <c r="K4" s="22" t="s">
        <v>13</v>
      </c>
      <c r="L4" s="24" t="s">
        <v>11</v>
      </c>
      <c r="M4" s="21" t="s">
        <v>9</v>
      </c>
      <c r="N4" s="25" t="s">
        <v>14</v>
      </c>
      <c r="O4" s="24" t="s">
        <v>11</v>
      </c>
      <c r="P4" s="21" t="s">
        <v>9</v>
      </c>
      <c r="Q4" s="26" t="s">
        <v>15</v>
      </c>
      <c r="S4" s="5"/>
      <c r="T4" s="5"/>
    </row>
    <row r="5" spans="1:22" s="35" customFormat="1" ht="15" customHeight="1" x14ac:dyDescent="0.2">
      <c r="A5" s="18"/>
      <c r="B5" s="19"/>
      <c r="C5" s="27"/>
      <c r="D5" s="28" t="s">
        <v>16</v>
      </c>
      <c r="E5" s="29" t="s">
        <v>17</v>
      </c>
      <c r="F5" s="27"/>
      <c r="G5" s="28" t="s">
        <v>16</v>
      </c>
      <c r="H5" s="30" t="s">
        <v>18</v>
      </c>
      <c r="I5" s="31"/>
      <c r="J5" s="28" t="s">
        <v>16</v>
      </c>
      <c r="K5" s="32" t="s">
        <v>17</v>
      </c>
      <c r="L5" s="24"/>
      <c r="M5" s="28" t="s">
        <v>16</v>
      </c>
      <c r="N5" s="33" t="s">
        <v>18</v>
      </c>
      <c r="O5" s="24"/>
      <c r="P5" s="28" t="s">
        <v>16</v>
      </c>
      <c r="Q5" s="34" t="s">
        <v>18</v>
      </c>
      <c r="S5" s="36"/>
      <c r="T5" s="36"/>
    </row>
    <row r="6" spans="1:22" ht="21.9" customHeight="1" x14ac:dyDescent="0.2">
      <c r="A6" s="37">
        <v>1</v>
      </c>
      <c r="B6" s="38" t="s">
        <v>19</v>
      </c>
      <c r="C6" s="39">
        <v>936044</v>
      </c>
      <c r="D6" s="40">
        <v>6</v>
      </c>
      <c r="E6" s="41">
        <v>-0.17</v>
      </c>
      <c r="F6" s="39">
        <v>932325</v>
      </c>
      <c r="G6" s="40">
        <v>8</v>
      </c>
      <c r="H6" s="41">
        <v>-0.4</v>
      </c>
      <c r="I6" s="42">
        <v>932887</v>
      </c>
      <c r="J6" s="40">
        <v>5</v>
      </c>
      <c r="K6" s="41">
        <v>0.06</v>
      </c>
      <c r="L6" s="43">
        <v>933578</v>
      </c>
      <c r="M6" s="42">
        <v>6</v>
      </c>
      <c r="N6" s="41">
        <v>7.0000000000000007E-2</v>
      </c>
      <c r="O6" s="40">
        <v>932095</v>
      </c>
      <c r="P6" s="43">
        <v>4</v>
      </c>
      <c r="Q6" s="44">
        <v>-0.16</v>
      </c>
      <c r="R6" s="4"/>
      <c r="S6" s="45"/>
      <c r="T6" s="46"/>
      <c r="U6" s="47"/>
      <c r="V6" s="48"/>
    </row>
    <row r="7" spans="1:22" ht="21.9" customHeight="1" x14ac:dyDescent="0.2">
      <c r="A7" s="49">
        <v>2</v>
      </c>
      <c r="B7" s="38" t="s">
        <v>20</v>
      </c>
      <c r="C7" s="39">
        <v>994591</v>
      </c>
      <c r="D7" s="40">
        <v>4</v>
      </c>
      <c r="E7" s="50">
        <v>0.54</v>
      </c>
      <c r="F7" s="39">
        <v>1001580</v>
      </c>
      <c r="G7" s="40">
        <v>4</v>
      </c>
      <c r="H7" s="50">
        <v>0.7</v>
      </c>
      <c r="I7" s="42">
        <v>1020017</v>
      </c>
      <c r="J7" s="40">
        <v>3</v>
      </c>
      <c r="K7" s="50">
        <v>1.84</v>
      </c>
      <c r="L7" s="43">
        <v>1012540</v>
      </c>
      <c r="M7" s="42">
        <v>2</v>
      </c>
      <c r="N7" s="41">
        <v>-0.73</v>
      </c>
      <c r="O7" s="40">
        <v>997747</v>
      </c>
      <c r="P7" s="43">
        <v>3</v>
      </c>
      <c r="Q7" s="44">
        <v>-1.46</v>
      </c>
      <c r="R7" s="4"/>
      <c r="S7" s="45"/>
      <c r="T7" s="46"/>
      <c r="V7" s="48"/>
    </row>
    <row r="8" spans="1:22" ht="21.9" customHeight="1" x14ac:dyDescent="0.2">
      <c r="A8" s="49">
        <v>3</v>
      </c>
      <c r="B8" s="38" t="s">
        <v>21</v>
      </c>
      <c r="C8" s="39">
        <v>677040</v>
      </c>
      <c r="D8" s="40">
        <v>33</v>
      </c>
      <c r="E8" s="41">
        <v>1.64</v>
      </c>
      <c r="F8" s="39">
        <v>666248</v>
      </c>
      <c r="G8" s="40">
        <v>31</v>
      </c>
      <c r="H8" s="50">
        <v>-1.59</v>
      </c>
      <c r="I8" s="42">
        <v>663330</v>
      </c>
      <c r="J8" s="40">
        <v>32</v>
      </c>
      <c r="K8" s="51">
        <v>-0.44</v>
      </c>
      <c r="L8" s="43">
        <v>668672</v>
      </c>
      <c r="M8" s="42">
        <v>33</v>
      </c>
      <c r="N8" s="41">
        <v>0.81</v>
      </c>
      <c r="O8" s="40">
        <v>715054</v>
      </c>
      <c r="P8" s="43">
        <v>27</v>
      </c>
      <c r="Q8" s="44">
        <v>6.94</v>
      </c>
      <c r="S8" s="45"/>
      <c r="T8" s="46"/>
      <c r="V8" s="48"/>
    </row>
    <row r="9" spans="1:22" ht="21.9" customHeight="1" x14ac:dyDescent="0.2">
      <c r="A9" s="49">
        <v>4</v>
      </c>
      <c r="B9" s="38" t="s">
        <v>22</v>
      </c>
      <c r="C9" s="39">
        <v>744977</v>
      </c>
      <c r="D9" s="40">
        <v>26</v>
      </c>
      <c r="E9" s="50">
        <v>-0.04</v>
      </c>
      <c r="F9" s="39">
        <v>736921</v>
      </c>
      <c r="G9" s="40">
        <v>23</v>
      </c>
      <c r="H9" s="41">
        <v>-1.08</v>
      </c>
      <c r="I9" s="42">
        <v>745546</v>
      </c>
      <c r="J9" s="40">
        <v>23</v>
      </c>
      <c r="K9" s="51">
        <v>1.17</v>
      </c>
      <c r="L9" s="43">
        <v>758506</v>
      </c>
      <c r="M9" s="42">
        <v>16</v>
      </c>
      <c r="N9" s="41">
        <v>1.74</v>
      </c>
      <c r="O9" s="40">
        <v>741193</v>
      </c>
      <c r="P9" s="43">
        <v>19</v>
      </c>
      <c r="Q9" s="44">
        <v>-2.2799999999999998</v>
      </c>
      <c r="S9" s="45"/>
      <c r="T9" s="46"/>
      <c r="V9" s="48"/>
    </row>
    <row r="10" spans="1:22" ht="21.9" customHeight="1" x14ac:dyDescent="0.2">
      <c r="A10" s="49">
        <v>5</v>
      </c>
      <c r="B10" s="38" t="s">
        <v>23</v>
      </c>
      <c r="C10" s="39">
        <v>1062467</v>
      </c>
      <c r="D10" s="40">
        <v>1</v>
      </c>
      <c r="E10" s="41">
        <v>-0.81</v>
      </c>
      <c r="F10" s="39">
        <v>1088534</v>
      </c>
      <c r="G10" s="40">
        <v>1</v>
      </c>
      <c r="H10" s="41">
        <v>2.4500000000000002</v>
      </c>
      <c r="I10" s="42">
        <v>1183013</v>
      </c>
      <c r="J10" s="40">
        <v>1</v>
      </c>
      <c r="K10" s="51">
        <v>8.68</v>
      </c>
      <c r="L10" s="43">
        <v>1097195</v>
      </c>
      <c r="M10" s="42">
        <v>1</v>
      </c>
      <c r="N10" s="41">
        <v>-7.25</v>
      </c>
      <c r="O10" s="40">
        <v>1249596</v>
      </c>
      <c r="P10" s="43">
        <v>1</v>
      </c>
      <c r="Q10" s="44">
        <v>13.89</v>
      </c>
      <c r="S10" s="45"/>
      <c r="T10" s="46"/>
      <c r="V10" s="48"/>
    </row>
    <row r="11" spans="1:22" ht="21.75" customHeight="1" x14ac:dyDescent="0.2">
      <c r="A11" s="49">
        <v>6</v>
      </c>
      <c r="B11" s="38" t="s">
        <v>24</v>
      </c>
      <c r="C11" s="39">
        <v>946815</v>
      </c>
      <c r="D11" s="40">
        <v>5</v>
      </c>
      <c r="E11" s="41">
        <v>2.72</v>
      </c>
      <c r="F11" s="39">
        <v>945339</v>
      </c>
      <c r="G11" s="40">
        <v>7</v>
      </c>
      <c r="H11" s="50">
        <v>-0.16</v>
      </c>
      <c r="I11" s="42">
        <v>989328</v>
      </c>
      <c r="J11" s="40">
        <v>4</v>
      </c>
      <c r="K11" s="51">
        <v>4.6500000000000004</v>
      </c>
      <c r="L11" s="43">
        <v>918449</v>
      </c>
      <c r="M11" s="42">
        <v>8</v>
      </c>
      <c r="N11" s="41">
        <v>-7.16</v>
      </c>
      <c r="O11" s="40">
        <v>890984</v>
      </c>
      <c r="P11" s="43">
        <v>6</v>
      </c>
      <c r="Q11" s="44">
        <v>-2.99</v>
      </c>
      <c r="S11" s="45"/>
      <c r="T11" s="46"/>
      <c r="V11" s="48"/>
    </row>
    <row r="12" spans="1:22" ht="21.9" customHeight="1" x14ac:dyDescent="0.2">
      <c r="A12" s="49">
        <v>7</v>
      </c>
      <c r="B12" s="38" t="s">
        <v>25</v>
      </c>
      <c r="C12" s="39">
        <v>728877</v>
      </c>
      <c r="D12" s="40">
        <v>28</v>
      </c>
      <c r="E12" s="50">
        <v>-10.9</v>
      </c>
      <c r="F12" s="39">
        <v>691307</v>
      </c>
      <c r="G12" s="40">
        <v>30</v>
      </c>
      <c r="H12" s="41">
        <v>-5.15</v>
      </c>
      <c r="I12" s="42">
        <v>714468</v>
      </c>
      <c r="J12" s="40">
        <v>29</v>
      </c>
      <c r="K12" s="51">
        <v>3.35</v>
      </c>
      <c r="L12" s="43">
        <v>729262</v>
      </c>
      <c r="M12" s="42">
        <v>25</v>
      </c>
      <c r="N12" s="41">
        <v>2.0699999999999998</v>
      </c>
      <c r="O12" s="40">
        <v>727837</v>
      </c>
      <c r="P12" s="43">
        <v>22</v>
      </c>
      <c r="Q12" s="44">
        <v>-0.2</v>
      </c>
      <c r="S12" s="45"/>
      <c r="T12" s="46"/>
      <c r="V12" s="48"/>
    </row>
    <row r="13" spans="1:22" ht="21.9" customHeight="1" x14ac:dyDescent="0.2">
      <c r="A13" s="49">
        <v>8</v>
      </c>
      <c r="B13" s="38" t="s">
        <v>26</v>
      </c>
      <c r="C13" s="39">
        <v>866525</v>
      </c>
      <c r="D13" s="40">
        <v>9</v>
      </c>
      <c r="E13" s="41">
        <v>2.2000000000000002</v>
      </c>
      <c r="F13" s="39">
        <v>838236</v>
      </c>
      <c r="G13" s="40">
        <v>11</v>
      </c>
      <c r="H13" s="50">
        <v>-3.26</v>
      </c>
      <c r="I13" s="42">
        <v>885352</v>
      </c>
      <c r="J13" s="40">
        <v>8</v>
      </c>
      <c r="K13" s="51">
        <v>5.62</v>
      </c>
      <c r="L13" s="43">
        <v>823720</v>
      </c>
      <c r="M13" s="42">
        <v>10</v>
      </c>
      <c r="N13" s="41">
        <v>-6.96</v>
      </c>
      <c r="O13" s="40">
        <v>860862</v>
      </c>
      <c r="P13" s="43">
        <v>8</v>
      </c>
      <c r="Q13" s="44">
        <v>4.51</v>
      </c>
      <c r="S13" s="45"/>
      <c r="T13" s="46"/>
      <c r="V13" s="48"/>
    </row>
    <row r="14" spans="1:22" ht="21.9" customHeight="1" x14ac:dyDescent="0.2">
      <c r="A14" s="49">
        <v>9</v>
      </c>
      <c r="B14" s="38" t="s">
        <v>27</v>
      </c>
      <c r="C14" s="39">
        <v>1016853</v>
      </c>
      <c r="D14" s="40">
        <v>3</v>
      </c>
      <c r="E14" s="41">
        <v>5.87</v>
      </c>
      <c r="F14" s="39">
        <v>951836</v>
      </c>
      <c r="G14" s="40">
        <v>6</v>
      </c>
      <c r="H14" s="50">
        <v>-6.39</v>
      </c>
      <c r="I14" s="42">
        <v>911973</v>
      </c>
      <c r="J14" s="40">
        <v>6</v>
      </c>
      <c r="K14" s="51">
        <v>-4.1900000000000004</v>
      </c>
      <c r="L14" s="43">
        <v>952954</v>
      </c>
      <c r="M14" s="42">
        <v>4</v>
      </c>
      <c r="N14" s="41">
        <v>4.49</v>
      </c>
      <c r="O14" s="40">
        <v>898023</v>
      </c>
      <c r="P14" s="43">
        <v>5</v>
      </c>
      <c r="Q14" s="44">
        <v>-5.76</v>
      </c>
      <c r="S14" s="45"/>
      <c r="T14" s="46"/>
      <c r="V14" s="48"/>
    </row>
    <row r="15" spans="1:22" ht="21.9" customHeight="1" x14ac:dyDescent="0.2">
      <c r="A15" s="49">
        <v>10</v>
      </c>
      <c r="B15" s="38" t="s">
        <v>28</v>
      </c>
      <c r="C15" s="39">
        <v>793115</v>
      </c>
      <c r="D15" s="40">
        <v>15</v>
      </c>
      <c r="E15" s="41">
        <v>-2.57</v>
      </c>
      <c r="F15" s="39">
        <v>792190</v>
      </c>
      <c r="G15" s="40">
        <v>16</v>
      </c>
      <c r="H15" s="41">
        <v>-0.12</v>
      </c>
      <c r="I15" s="42">
        <v>788836</v>
      </c>
      <c r="J15" s="40">
        <v>18</v>
      </c>
      <c r="K15" s="41">
        <v>-0.42</v>
      </c>
      <c r="L15" s="43">
        <v>777482</v>
      </c>
      <c r="M15" s="42">
        <v>14</v>
      </c>
      <c r="N15" s="41">
        <v>-1.44</v>
      </c>
      <c r="O15" s="40">
        <v>767078</v>
      </c>
      <c r="P15" s="43">
        <v>14</v>
      </c>
      <c r="Q15" s="44">
        <v>-1.34</v>
      </c>
      <c r="S15" s="45"/>
      <c r="T15" s="46"/>
      <c r="V15" s="48"/>
    </row>
    <row r="16" spans="1:22" ht="21.9" customHeight="1" x14ac:dyDescent="0.2">
      <c r="A16" s="49">
        <v>11</v>
      </c>
      <c r="B16" s="38" t="s">
        <v>29</v>
      </c>
      <c r="C16" s="39">
        <v>796861</v>
      </c>
      <c r="D16" s="40">
        <v>14</v>
      </c>
      <c r="E16" s="41">
        <v>10.72</v>
      </c>
      <c r="F16" s="39">
        <v>820973</v>
      </c>
      <c r="G16" s="40">
        <v>13</v>
      </c>
      <c r="H16" s="50">
        <v>3.03</v>
      </c>
      <c r="I16" s="42">
        <v>877354</v>
      </c>
      <c r="J16" s="40">
        <v>10</v>
      </c>
      <c r="K16" s="50">
        <v>6.87</v>
      </c>
      <c r="L16" s="43">
        <v>874811</v>
      </c>
      <c r="M16" s="42">
        <v>9</v>
      </c>
      <c r="N16" s="41">
        <v>-0.28999999999999998</v>
      </c>
      <c r="O16" s="40">
        <v>681493</v>
      </c>
      <c r="P16" s="43">
        <v>32</v>
      </c>
      <c r="Q16" s="44">
        <v>-22.1</v>
      </c>
      <c r="S16" s="45"/>
      <c r="T16" s="46"/>
      <c r="V16" s="48"/>
    </row>
    <row r="17" spans="1:22" ht="21.9" customHeight="1" x14ac:dyDescent="0.2">
      <c r="A17" s="49">
        <v>12</v>
      </c>
      <c r="B17" s="38" t="s">
        <v>30</v>
      </c>
      <c r="C17" s="39">
        <v>766044</v>
      </c>
      <c r="D17" s="40">
        <v>21</v>
      </c>
      <c r="E17" s="41">
        <v>2.69</v>
      </c>
      <c r="F17" s="39">
        <v>766874</v>
      </c>
      <c r="G17" s="40">
        <v>19</v>
      </c>
      <c r="H17" s="50">
        <v>0.11</v>
      </c>
      <c r="I17" s="42">
        <v>753207</v>
      </c>
      <c r="J17" s="40">
        <v>21</v>
      </c>
      <c r="K17" s="50">
        <v>-1.78</v>
      </c>
      <c r="L17" s="43">
        <v>724231</v>
      </c>
      <c r="M17" s="42">
        <v>26</v>
      </c>
      <c r="N17" s="41">
        <v>-3.85</v>
      </c>
      <c r="O17" s="40">
        <v>727488</v>
      </c>
      <c r="P17" s="43">
        <v>23</v>
      </c>
      <c r="Q17" s="44">
        <v>0.45</v>
      </c>
      <c r="S17" s="45"/>
      <c r="T17" s="46"/>
      <c r="V17" s="48"/>
    </row>
    <row r="18" spans="1:22" ht="21.9" customHeight="1" x14ac:dyDescent="0.2">
      <c r="A18" s="49">
        <v>13</v>
      </c>
      <c r="B18" s="38" t="s">
        <v>31</v>
      </c>
      <c r="C18" s="39">
        <v>835606</v>
      </c>
      <c r="D18" s="40">
        <v>11</v>
      </c>
      <c r="E18" s="41">
        <v>-7.0000000000000007E-2</v>
      </c>
      <c r="F18" s="39">
        <v>832176</v>
      </c>
      <c r="G18" s="40">
        <v>12</v>
      </c>
      <c r="H18" s="41">
        <v>-0.41</v>
      </c>
      <c r="I18" s="42">
        <v>829041</v>
      </c>
      <c r="J18" s="40">
        <v>14</v>
      </c>
      <c r="K18" s="41">
        <v>-0.38</v>
      </c>
      <c r="L18" s="43">
        <v>823519</v>
      </c>
      <c r="M18" s="42">
        <v>11</v>
      </c>
      <c r="N18" s="41">
        <v>-0.67</v>
      </c>
      <c r="O18" s="40">
        <v>887086</v>
      </c>
      <c r="P18" s="43">
        <v>7</v>
      </c>
      <c r="Q18" s="44">
        <v>7.72</v>
      </c>
      <c r="S18" s="45"/>
      <c r="T18" s="46"/>
      <c r="V18" s="48"/>
    </row>
    <row r="19" spans="1:22" ht="21.9" customHeight="1" x14ac:dyDescent="0.2">
      <c r="A19" s="49">
        <v>14</v>
      </c>
      <c r="B19" s="38" t="s">
        <v>32</v>
      </c>
      <c r="C19" s="39">
        <v>864665</v>
      </c>
      <c r="D19" s="40">
        <v>10</v>
      </c>
      <c r="E19" s="50">
        <v>-2.39</v>
      </c>
      <c r="F19" s="39">
        <v>885604</v>
      </c>
      <c r="G19" s="40">
        <v>10</v>
      </c>
      <c r="H19" s="41">
        <v>2.42</v>
      </c>
      <c r="I19" s="42">
        <v>829444</v>
      </c>
      <c r="J19" s="40">
        <v>13</v>
      </c>
      <c r="K19" s="41">
        <v>-6.34</v>
      </c>
      <c r="L19" s="43">
        <v>816477</v>
      </c>
      <c r="M19" s="42">
        <v>12</v>
      </c>
      <c r="N19" s="41">
        <v>-1.56</v>
      </c>
      <c r="O19" s="40">
        <v>850792</v>
      </c>
      <c r="P19" s="43">
        <v>9</v>
      </c>
      <c r="Q19" s="44">
        <v>4.2</v>
      </c>
      <c r="S19" s="45"/>
      <c r="T19" s="46"/>
      <c r="V19" s="48"/>
    </row>
    <row r="20" spans="1:22" ht="21.9" customHeight="1" x14ac:dyDescent="0.2">
      <c r="A20" s="49">
        <v>15</v>
      </c>
      <c r="B20" s="38" t="s">
        <v>33</v>
      </c>
      <c r="C20" s="39">
        <v>801338</v>
      </c>
      <c r="D20" s="40">
        <v>12</v>
      </c>
      <c r="E20" s="41">
        <v>-0.63</v>
      </c>
      <c r="F20" s="39">
        <v>797154</v>
      </c>
      <c r="G20" s="40">
        <v>14</v>
      </c>
      <c r="H20" s="41">
        <v>-0.52</v>
      </c>
      <c r="I20" s="42">
        <v>812337</v>
      </c>
      <c r="J20" s="40">
        <v>16</v>
      </c>
      <c r="K20" s="41">
        <v>1.9</v>
      </c>
      <c r="L20" s="43">
        <v>815983</v>
      </c>
      <c r="M20" s="42">
        <v>13</v>
      </c>
      <c r="N20" s="41">
        <v>0.45</v>
      </c>
      <c r="O20" s="40">
        <v>834581</v>
      </c>
      <c r="P20" s="43">
        <v>12</v>
      </c>
      <c r="Q20" s="44">
        <v>2.2799999999999998</v>
      </c>
      <c r="S20" s="45"/>
      <c r="T20" s="46"/>
      <c r="V20" s="48"/>
    </row>
    <row r="21" spans="1:22" ht="21.9" customHeight="1" x14ac:dyDescent="0.2">
      <c r="A21" s="49">
        <v>16</v>
      </c>
      <c r="B21" s="38" t="s">
        <v>34</v>
      </c>
      <c r="C21" s="39">
        <v>874695</v>
      </c>
      <c r="D21" s="40">
        <v>8</v>
      </c>
      <c r="E21" s="41">
        <v>3.95</v>
      </c>
      <c r="F21" s="39">
        <v>893909</v>
      </c>
      <c r="G21" s="40">
        <v>9</v>
      </c>
      <c r="H21" s="50">
        <v>2.2000000000000002</v>
      </c>
      <c r="I21" s="42">
        <v>888469</v>
      </c>
      <c r="J21" s="40">
        <v>7</v>
      </c>
      <c r="K21" s="50">
        <v>-0.61</v>
      </c>
      <c r="L21" s="43">
        <v>933362</v>
      </c>
      <c r="M21" s="42">
        <v>7</v>
      </c>
      <c r="N21" s="41">
        <v>5.05</v>
      </c>
      <c r="O21" s="40">
        <v>847619</v>
      </c>
      <c r="P21" s="43">
        <v>10</v>
      </c>
      <c r="Q21" s="44">
        <v>-9.19</v>
      </c>
      <c r="S21" s="45"/>
      <c r="T21" s="46"/>
      <c r="V21" s="48"/>
    </row>
    <row r="22" spans="1:22" ht="21.9" customHeight="1" x14ac:dyDescent="0.2">
      <c r="A22" s="49">
        <v>17</v>
      </c>
      <c r="B22" s="38" t="s">
        <v>35</v>
      </c>
      <c r="C22" s="39">
        <v>776252</v>
      </c>
      <c r="D22" s="40">
        <v>19</v>
      </c>
      <c r="E22" s="41">
        <v>3.78</v>
      </c>
      <c r="F22" s="39">
        <v>754087</v>
      </c>
      <c r="G22" s="40">
        <v>20</v>
      </c>
      <c r="H22" s="50">
        <v>-2.86</v>
      </c>
      <c r="I22" s="42">
        <v>750425</v>
      </c>
      <c r="J22" s="40">
        <v>22</v>
      </c>
      <c r="K22" s="51">
        <v>-0.49</v>
      </c>
      <c r="L22" s="43">
        <v>760204</v>
      </c>
      <c r="M22" s="42">
        <v>15</v>
      </c>
      <c r="N22" s="41">
        <v>1.3</v>
      </c>
      <c r="O22" s="40">
        <v>758893</v>
      </c>
      <c r="P22" s="43">
        <v>16</v>
      </c>
      <c r="Q22" s="44">
        <v>-0.17</v>
      </c>
      <c r="S22" s="45"/>
      <c r="T22" s="46"/>
      <c r="V22" s="48"/>
    </row>
    <row r="23" spans="1:22" ht="21.9" customHeight="1" x14ac:dyDescent="0.2">
      <c r="A23" s="49">
        <v>18</v>
      </c>
      <c r="B23" s="38" t="s">
        <v>36</v>
      </c>
      <c r="C23" s="39">
        <v>716346</v>
      </c>
      <c r="D23" s="40">
        <v>30</v>
      </c>
      <c r="E23" s="41">
        <v>2.2799999999999998</v>
      </c>
      <c r="F23" s="39">
        <v>708141</v>
      </c>
      <c r="G23" s="40">
        <v>28</v>
      </c>
      <c r="H23" s="50">
        <v>-1.1499999999999999</v>
      </c>
      <c r="I23" s="42">
        <v>727252</v>
      </c>
      <c r="J23" s="40">
        <v>27</v>
      </c>
      <c r="K23" s="51">
        <v>2.7</v>
      </c>
      <c r="L23" s="43">
        <v>692542</v>
      </c>
      <c r="M23" s="42">
        <v>30</v>
      </c>
      <c r="N23" s="41">
        <v>-4.7699999999999996</v>
      </c>
      <c r="O23" s="40">
        <v>688108</v>
      </c>
      <c r="P23" s="43">
        <v>29</v>
      </c>
      <c r="Q23" s="44">
        <v>-0.64</v>
      </c>
      <c r="S23" s="45"/>
      <c r="T23" s="46"/>
      <c r="V23" s="48"/>
    </row>
    <row r="24" spans="1:22" ht="21.9" customHeight="1" x14ac:dyDescent="0.2">
      <c r="A24" s="49">
        <v>19</v>
      </c>
      <c r="B24" s="38" t="s">
        <v>37</v>
      </c>
      <c r="C24" s="39">
        <v>1062135</v>
      </c>
      <c r="D24" s="40">
        <v>2</v>
      </c>
      <c r="E24" s="41">
        <v>5.89</v>
      </c>
      <c r="F24" s="39">
        <v>1008924</v>
      </c>
      <c r="G24" s="40">
        <v>3</v>
      </c>
      <c r="H24" s="50">
        <v>-5.01</v>
      </c>
      <c r="I24" s="42">
        <v>1057386</v>
      </c>
      <c r="J24" s="40">
        <v>2</v>
      </c>
      <c r="K24" s="51">
        <v>4.8</v>
      </c>
      <c r="L24" s="43">
        <v>942978</v>
      </c>
      <c r="M24" s="42">
        <v>5</v>
      </c>
      <c r="N24" s="41">
        <v>-10.82</v>
      </c>
      <c r="O24" s="40">
        <v>1002279</v>
      </c>
      <c r="P24" s="43">
        <v>2</v>
      </c>
      <c r="Q24" s="44">
        <v>6.29</v>
      </c>
      <c r="S24" s="45"/>
      <c r="T24" s="46"/>
      <c r="V24" s="48"/>
    </row>
    <row r="25" spans="1:22" ht="21.9" customHeight="1" x14ac:dyDescent="0.2">
      <c r="A25" s="49">
        <v>20</v>
      </c>
      <c r="B25" s="38" t="s">
        <v>38</v>
      </c>
      <c r="C25" s="39">
        <v>765162</v>
      </c>
      <c r="D25" s="40">
        <v>22</v>
      </c>
      <c r="E25" s="41">
        <v>-0.59</v>
      </c>
      <c r="F25" s="39">
        <v>794428</v>
      </c>
      <c r="G25" s="40">
        <v>15</v>
      </c>
      <c r="H25" s="41">
        <v>3.82</v>
      </c>
      <c r="I25" s="42">
        <v>767315</v>
      </c>
      <c r="J25" s="40">
        <v>20</v>
      </c>
      <c r="K25" s="41">
        <v>-3.41</v>
      </c>
      <c r="L25" s="43">
        <v>747436</v>
      </c>
      <c r="M25" s="42">
        <v>22</v>
      </c>
      <c r="N25" s="41">
        <v>-2.59</v>
      </c>
      <c r="O25" s="40">
        <v>754814</v>
      </c>
      <c r="P25" s="43">
        <v>17</v>
      </c>
      <c r="Q25" s="44">
        <v>0.99</v>
      </c>
      <c r="S25" s="45"/>
      <c r="T25" s="46"/>
      <c r="V25" s="48"/>
    </row>
    <row r="26" spans="1:22" ht="21.9" customHeight="1" x14ac:dyDescent="0.2">
      <c r="A26" s="49">
        <v>21</v>
      </c>
      <c r="B26" s="38" t="s">
        <v>39</v>
      </c>
      <c r="C26" s="39">
        <v>786996</v>
      </c>
      <c r="D26" s="40">
        <v>16</v>
      </c>
      <c r="E26" s="41">
        <v>0.96</v>
      </c>
      <c r="F26" s="39">
        <v>752958</v>
      </c>
      <c r="G26" s="40">
        <v>21</v>
      </c>
      <c r="H26" s="50">
        <v>-4.33</v>
      </c>
      <c r="I26" s="42">
        <v>808905</v>
      </c>
      <c r="J26" s="40">
        <v>17</v>
      </c>
      <c r="K26" s="51">
        <v>7.43</v>
      </c>
      <c r="L26" s="43">
        <v>753122</v>
      </c>
      <c r="M26" s="42">
        <v>18</v>
      </c>
      <c r="N26" s="41">
        <v>-6.9</v>
      </c>
      <c r="O26" s="40">
        <v>746731</v>
      </c>
      <c r="P26" s="43">
        <v>18</v>
      </c>
      <c r="Q26" s="44">
        <v>-0.85</v>
      </c>
      <c r="S26" s="45"/>
      <c r="T26" s="46"/>
      <c r="V26" s="48"/>
    </row>
    <row r="27" spans="1:22" ht="21.9" customHeight="1" x14ac:dyDescent="0.2">
      <c r="A27" s="49">
        <v>22</v>
      </c>
      <c r="B27" s="38" t="s">
        <v>40</v>
      </c>
      <c r="C27" s="39">
        <v>901891</v>
      </c>
      <c r="D27" s="40">
        <v>7</v>
      </c>
      <c r="E27" s="41">
        <v>8.11</v>
      </c>
      <c r="F27" s="39">
        <v>1032102</v>
      </c>
      <c r="G27" s="40">
        <v>2</v>
      </c>
      <c r="H27" s="50">
        <v>14.44</v>
      </c>
      <c r="I27" s="42">
        <v>881214</v>
      </c>
      <c r="J27" s="40">
        <v>9</v>
      </c>
      <c r="K27" s="50">
        <v>-14.62</v>
      </c>
      <c r="L27" s="43">
        <v>1008636</v>
      </c>
      <c r="M27" s="42">
        <v>3</v>
      </c>
      <c r="N27" s="41">
        <v>14.46</v>
      </c>
      <c r="O27" s="40">
        <v>838804</v>
      </c>
      <c r="P27" s="43">
        <v>11</v>
      </c>
      <c r="Q27" s="44">
        <v>-16.84</v>
      </c>
      <c r="S27" s="45"/>
      <c r="T27" s="46"/>
      <c r="V27" s="48"/>
    </row>
    <row r="28" spans="1:22" ht="21.9" customHeight="1" x14ac:dyDescent="0.2">
      <c r="A28" s="49">
        <v>23</v>
      </c>
      <c r="B28" s="38" t="s">
        <v>41</v>
      </c>
      <c r="C28" s="39">
        <v>775571</v>
      </c>
      <c r="D28" s="40">
        <v>20</v>
      </c>
      <c r="E28" s="41">
        <v>2.0099999999999998</v>
      </c>
      <c r="F28" s="39">
        <v>769471</v>
      </c>
      <c r="G28" s="40">
        <v>18</v>
      </c>
      <c r="H28" s="50">
        <v>-0.79</v>
      </c>
      <c r="I28" s="42">
        <v>824740</v>
      </c>
      <c r="J28" s="40">
        <v>15</v>
      </c>
      <c r="K28" s="51">
        <v>7.18</v>
      </c>
      <c r="L28" s="43">
        <v>712407</v>
      </c>
      <c r="M28" s="42">
        <v>28</v>
      </c>
      <c r="N28" s="41">
        <v>-13.62</v>
      </c>
      <c r="O28" s="40">
        <v>718948</v>
      </c>
      <c r="P28" s="43">
        <v>25</v>
      </c>
      <c r="Q28" s="44">
        <v>0.92</v>
      </c>
      <c r="S28" s="45"/>
      <c r="T28" s="46"/>
      <c r="V28" s="48"/>
    </row>
    <row r="29" spans="1:22" ht="21.9" customHeight="1" x14ac:dyDescent="0.2">
      <c r="A29" s="49">
        <v>24</v>
      </c>
      <c r="B29" s="38" t="s">
        <v>42</v>
      </c>
      <c r="C29" s="39">
        <v>747435</v>
      </c>
      <c r="D29" s="40">
        <v>25</v>
      </c>
      <c r="E29" s="41">
        <v>-5.65</v>
      </c>
      <c r="F29" s="39">
        <v>750400</v>
      </c>
      <c r="G29" s="40">
        <v>22</v>
      </c>
      <c r="H29" s="41">
        <v>0.4</v>
      </c>
      <c r="I29" s="42">
        <v>731863</v>
      </c>
      <c r="J29" s="40">
        <v>26</v>
      </c>
      <c r="K29" s="41">
        <v>-2.4700000000000002</v>
      </c>
      <c r="L29" s="43">
        <v>756894</v>
      </c>
      <c r="M29" s="42">
        <v>17</v>
      </c>
      <c r="N29" s="41">
        <v>3.42</v>
      </c>
      <c r="O29" s="40">
        <v>735611</v>
      </c>
      <c r="P29" s="43">
        <v>20</v>
      </c>
      <c r="Q29" s="44">
        <v>-2.81</v>
      </c>
      <c r="S29" s="45"/>
      <c r="T29" s="46"/>
      <c r="V29" s="48"/>
    </row>
    <row r="30" spans="1:22" ht="21.9" customHeight="1" x14ac:dyDescent="0.2">
      <c r="A30" s="49">
        <v>25</v>
      </c>
      <c r="B30" s="38" t="s">
        <v>43</v>
      </c>
      <c r="C30" s="39">
        <v>726464</v>
      </c>
      <c r="D30" s="40">
        <v>29</v>
      </c>
      <c r="E30" s="50">
        <v>-6.94</v>
      </c>
      <c r="F30" s="39">
        <v>708734</v>
      </c>
      <c r="G30" s="40">
        <v>27</v>
      </c>
      <c r="H30" s="41">
        <v>-2.44</v>
      </c>
      <c r="I30" s="42">
        <v>722196</v>
      </c>
      <c r="J30" s="40">
        <v>28</v>
      </c>
      <c r="K30" s="41">
        <v>1.9</v>
      </c>
      <c r="L30" s="43">
        <v>736298</v>
      </c>
      <c r="M30" s="42">
        <v>23</v>
      </c>
      <c r="N30" s="41">
        <v>1.95</v>
      </c>
      <c r="O30" s="40">
        <v>769462</v>
      </c>
      <c r="P30" s="43">
        <v>13</v>
      </c>
      <c r="Q30" s="44">
        <v>4.5</v>
      </c>
      <c r="S30" s="45"/>
      <c r="T30" s="46"/>
      <c r="V30" s="48"/>
    </row>
    <row r="31" spans="1:22" ht="21.9" customHeight="1" x14ac:dyDescent="0.2">
      <c r="A31" s="49">
        <v>26</v>
      </c>
      <c r="B31" s="38" t="s">
        <v>44</v>
      </c>
      <c r="C31" s="39">
        <v>737769</v>
      </c>
      <c r="D31" s="40">
        <v>27</v>
      </c>
      <c r="E31" s="50">
        <v>-10.119999999999999</v>
      </c>
      <c r="F31" s="39">
        <v>655470</v>
      </c>
      <c r="G31" s="40">
        <v>32</v>
      </c>
      <c r="H31" s="41">
        <v>-11.16</v>
      </c>
      <c r="I31" s="42">
        <v>645200</v>
      </c>
      <c r="J31" s="40">
        <v>33</v>
      </c>
      <c r="K31" s="41">
        <v>-1.57</v>
      </c>
      <c r="L31" s="43">
        <v>705541</v>
      </c>
      <c r="M31" s="42">
        <v>29</v>
      </c>
      <c r="N31" s="41">
        <v>9.35</v>
      </c>
      <c r="O31" s="40">
        <v>686290</v>
      </c>
      <c r="P31" s="43">
        <v>30</v>
      </c>
      <c r="Q31" s="44">
        <v>-2.73</v>
      </c>
      <c r="S31" s="45"/>
      <c r="T31" s="46"/>
      <c r="V31" s="48"/>
    </row>
    <row r="32" spans="1:22" ht="21.9" customHeight="1" x14ac:dyDescent="0.2">
      <c r="A32" s="49">
        <v>27</v>
      </c>
      <c r="B32" s="38" t="s">
        <v>45</v>
      </c>
      <c r="C32" s="39">
        <v>701597</v>
      </c>
      <c r="D32" s="40">
        <v>32</v>
      </c>
      <c r="E32" s="41">
        <v>2.42</v>
      </c>
      <c r="F32" s="39">
        <v>698391</v>
      </c>
      <c r="G32" s="40">
        <v>29</v>
      </c>
      <c r="H32" s="50">
        <v>-0.46</v>
      </c>
      <c r="I32" s="42">
        <v>849275</v>
      </c>
      <c r="J32" s="40">
        <v>11</v>
      </c>
      <c r="K32" s="51">
        <v>21.6</v>
      </c>
      <c r="L32" s="43">
        <v>680632</v>
      </c>
      <c r="M32" s="42">
        <v>32</v>
      </c>
      <c r="N32" s="41">
        <v>-19.86</v>
      </c>
      <c r="O32" s="40">
        <v>721021</v>
      </c>
      <c r="P32" s="43">
        <v>24</v>
      </c>
      <c r="Q32" s="44">
        <v>5.93</v>
      </c>
      <c r="S32" s="45"/>
      <c r="T32" s="46"/>
      <c r="V32" s="48"/>
    </row>
    <row r="33" spans="1:22" ht="21.9" customHeight="1" x14ac:dyDescent="0.2">
      <c r="A33" s="49">
        <v>28</v>
      </c>
      <c r="B33" s="38" t="s">
        <v>46</v>
      </c>
      <c r="C33" s="39">
        <v>797223</v>
      </c>
      <c r="D33" s="40">
        <v>13</v>
      </c>
      <c r="E33" s="41">
        <v>5.56</v>
      </c>
      <c r="F33" s="39">
        <v>725393</v>
      </c>
      <c r="G33" s="40">
        <v>25</v>
      </c>
      <c r="H33" s="50">
        <v>-9.01</v>
      </c>
      <c r="I33" s="42">
        <v>689622</v>
      </c>
      <c r="J33" s="40">
        <v>31</v>
      </c>
      <c r="K33" s="51">
        <v>-4.93</v>
      </c>
      <c r="L33" s="43">
        <v>748226</v>
      </c>
      <c r="M33" s="42">
        <v>21</v>
      </c>
      <c r="N33" s="41">
        <v>8.5</v>
      </c>
      <c r="O33" s="40">
        <v>717081</v>
      </c>
      <c r="P33" s="43">
        <v>26</v>
      </c>
      <c r="Q33" s="44">
        <v>-4.16</v>
      </c>
      <c r="S33" s="45"/>
      <c r="T33" s="46"/>
      <c r="V33" s="48"/>
    </row>
    <row r="34" spans="1:22" ht="21.9" customHeight="1" x14ac:dyDescent="0.2">
      <c r="A34" s="49">
        <v>29</v>
      </c>
      <c r="B34" s="38" t="s">
        <v>47</v>
      </c>
      <c r="C34" s="39">
        <v>752458</v>
      </c>
      <c r="D34" s="40">
        <v>24</v>
      </c>
      <c r="E34" s="50">
        <v>-10.07</v>
      </c>
      <c r="F34" s="39">
        <v>997151</v>
      </c>
      <c r="G34" s="40">
        <v>5</v>
      </c>
      <c r="H34" s="41">
        <v>32.520000000000003</v>
      </c>
      <c r="I34" s="42">
        <v>772848</v>
      </c>
      <c r="J34" s="40">
        <v>19</v>
      </c>
      <c r="K34" s="41">
        <v>-22.49</v>
      </c>
      <c r="L34" s="43">
        <v>749991</v>
      </c>
      <c r="M34" s="42">
        <v>20</v>
      </c>
      <c r="N34" s="41">
        <v>-2.96</v>
      </c>
      <c r="O34" s="40">
        <v>761754</v>
      </c>
      <c r="P34" s="43">
        <v>15</v>
      </c>
      <c r="Q34" s="44">
        <v>1.57</v>
      </c>
      <c r="S34" s="45"/>
      <c r="T34" s="46"/>
      <c r="V34" s="48"/>
    </row>
    <row r="35" spans="1:22" ht="21.9" customHeight="1" x14ac:dyDescent="0.2">
      <c r="A35" s="49">
        <v>30</v>
      </c>
      <c r="B35" s="38" t="s">
        <v>48</v>
      </c>
      <c r="C35" s="39">
        <v>782442</v>
      </c>
      <c r="D35" s="40">
        <v>18</v>
      </c>
      <c r="E35" s="41">
        <v>15.63</v>
      </c>
      <c r="F35" s="39">
        <v>623478</v>
      </c>
      <c r="G35" s="40">
        <v>33</v>
      </c>
      <c r="H35" s="50">
        <v>-20.32</v>
      </c>
      <c r="I35" s="42">
        <v>732115</v>
      </c>
      <c r="J35" s="40">
        <v>25</v>
      </c>
      <c r="K35" s="51">
        <v>17.420000000000002</v>
      </c>
      <c r="L35" s="43">
        <v>681782</v>
      </c>
      <c r="M35" s="42">
        <v>31</v>
      </c>
      <c r="N35" s="41">
        <v>-6.88</v>
      </c>
      <c r="O35" s="40">
        <v>591884</v>
      </c>
      <c r="P35" s="43">
        <v>33</v>
      </c>
      <c r="Q35" s="44">
        <v>-13.19</v>
      </c>
      <c r="S35" s="45"/>
      <c r="T35" s="46"/>
      <c r="V35" s="48"/>
    </row>
    <row r="36" spans="1:22" ht="21.9" customHeight="1" x14ac:dyDescent="0.2">
      <c r="A36" s="49">
        <v>31</v>
      </c>
      <c r="B36" s="38" t="s">
        <v>49</v>
      </c>
      <c r="C36" s="39">
        <v>712820</v>
      </c>
      <c r="D36" s="40">
        <v>31</v>
      </c>
      <c r="E36" s="41">
        <v>-1</v>
      </c>
      <c r="F36" s="39">
        <v>731469</v>
      </c>
      <c r="G36" s="40">
        <v>24</v>
      </c>
      <c r="H36" s="41">
        <v>2.62</v>
      </c>
      <c r="I36" s="42">
        <v>738291</v>
      </c>
      <c r="J36" s="40">
        <v>24</v>
      </c>
      <c r="K36" s="41">
        <v>0.93</v>
      </c>
      <c r="L36" s="43">
        <v>714227</v>
      </c>
      <c r="M36" s="42">
        <v>27</v>
      </c>
      <c r="N36" s="41">
        <v>-3.26</v>
      </c>
      <c r="O36" s="40">
        <v>728109</v>
      </c>
      <c r="P36" s="43">
        <v>21</v>
      </c>
      <c r="Q36" s="44">
        <v>1.94</v>
      </c>
      <c r="S36" s="45"/>
      <c r="T36" s="46"/>
      <c r="V36" s="48"/>
    </row>
    <row r="37" spans="1:22" ht="22.5" customHeight="1" x14ac:dyDescent="0.2">
      <c r="A37" s="49">
        <v>32</v>
      </c>
      <c r="B37" s="38" t="s">
        <v>50</v>
      </c>
      <c r="C37" s="39">
        <v>784089</v>
      </c>
      <c r="D37" s="40">
        <v>17</v>
      </c>
      <c r="E37" s="50">
        <v>5.47</v>
      </c>
      <c r="F37" s="39">
        <v>717577</v>
      </c>
      <c r="G37" s="40">
        <v>26</v>
      </c>
      <c r="H37" s="50">
        <v>-8.48</v>
      </c>
      <c r="I37" s="42">
        <v>714340</v>
      </c>
      <c r="J37" s="40">
        <v>30</v>
      </c>
      <c r="K37" s="51">
        <v>-0.45</v>
      </c>
      <c r="L37" s="43">
        <v>734102</v>
      </c>
      <c r="M37" s="42">
        <v>24</v>
      </c>
      <c r="N37" s="41">
        <v>2.77</v>
      </c>
      <c r="O37" s="40">
        <v>700591</v>
      </c>
      <c r="P37" s="43">
        <v>28</v>
      </c>
      <c r="Q37" s="44">
        <v>-4.5599999999999996</v>
      </c>
      <c r="S37" s="45"/>
      <c r="T37" s="46"/>
      <c r="V37" s="48"/>
    </row>
    <row r="38" spans="1:22" ht="22.5" customHeight="1" thickBot="1" x14ac:dyDescent="0.25">
      <c r="A38" s="52">
        <v>33</v>
      </c>
      <c r="B38" s="53" t="s">
        <v>51</v>
      </c>
      <c r="C38" s="54">
        <v>754785</v>
      </c>
      <c r="D38" s="55">
        <v>23</v>
      </c>
      <c r="E38" s="56">
        <v>-2.2599999999999998</v>
      </c>
      <c r="F38" s="54">
        <v>772019</v>
      </c>
      <c r="G38" s="55">
        <v>17</v>
      </c>
      <c r="H38" s="56">
        <v>2.2799999999999998</v>
      </c>
      <c r="I38" s="57">
        <v>833442</v>
      </c>
      <c r="J38" s="55">
        <v>12</v>
      </c>
      <c r="K38" s="56">
        <v>7.96</v>
      </c>
      <c r="L38" s="58">
        <v>750626</v>
      </c>
      <c r="M38" s="57">
        <v>19</v>
      </c>
      <c r="N38" s="56">
        <v>-9.94</v>
      </c>
      <c r="O38" s="55">
        <v>685855</v>
      </c>
      <c r="P38" s="58">
        <v>31</v>
      </c>
      <c r="Q38" s="59">
        <v>-8.6300000000000008</v>
      </c>
      <c r="S38" s="45"/>
      <c r="T38" s="46"/>
      <c r="V38" s="48"/>
    </row>
    <row r="39" spans="1:22" ht="21.75" customHeight="1" thickTop="1" thickBot="1" x14ac:dyDescent="0.25">
      <c r="A39" s="60" t="s">
        <v>52</v>
      </c>
      <c r="B39" s="61"/>
      <c r="C39" s="62">
        <v>890655</v>
      </c>
      <c r="D39" s="63"/>
      <c r="E39" s="64">
        <v>0.03</v>
      </c>
      <c r="F39" s="62">
        <v>887907</v>
      </c>
      <c r="G39" s="63"/>
      <c r="H39" s="63">
        <v>-0.31</v>
      </c>
      <c r="I39" s="65">
        <v>895897</v>
      </c>
      <c r="J39" s="66"/>
      <c r="K39" s="67">
        <v>0.9</v>
      </c>
      <c r="L39" s="68">
        <v>887599</v>
      </c>
      <c r="M39" s="67"/>
      <c r="N39" s="64">
        <v>-0.93</v>
      </c>
      <c r="O39" s="66">
        <v>888604</v>
      </c>
      <c r="P39" s="68"/>
      <c r="Q39" s="69">
        <v>0.11</v>
      </c>
      <c r="S39" s="70"/>
      <c r="T39" s="70"/>
    </row>
    <row r="40" spans="1:22" ht="21.9" customHeight="1" thickTop="1" thickBot="1" x14ac:dyDescent="0.25">
      <c r="A40" s="60" t="s">
        <v>53</v>
      </c>
      <c r="B40" s="61"/>
      <c r="C40" s="62">
        <v>806646</v>
      </c>
      <c r="D40" s="63"/>
      <c r="E40" s="64">
        <v>1.87</v>
      </c>
      <c r="F40" s="62">
        <v>809633</v>
      </c>
      <c r="G40" s="63"/>
      <c r="H40" s="63">
        <v>0.37</v>
      </c>
      <c r="I40" s="65">
        <v>798424</v>
      </c>
      <c r="J40" s="66"/>
      <c r="K40" s="63">
        <v>-1.38</v>
      </c>
      <c r="L40" s="68">
        <v>783549</v>
      </c>
      <c r="M40" s="63"/>
      <c r="N40" s="64">
        <v>-1.86</v>
      </c>
      <c r="O40" s="66">
        <v>766935</v>
      </c>
      <c r="P40" s="68"/>
      <c r="Q40" s="69">
        <v>-2.12</v>
      </c>
      <c r="S40" s="70"/>
      <c r="T40" s="70"/>
    </row>
    <row r="41" spans="1:22" ht="21.9" customHeight="1" thickTop="1" thickBot="1" x14ac:dyDescent="0.25">
      <c r="A41" s="71" t="s">
        <v>54</v>
      </c>
      <c r="B41" s="72"/>
      <c r="C41" s="73">
        <v>887347</v>
      </c>
      <c r="D41" s="74"/>
      <c r="E41" s="75">
        <v>0.1</v>
      </c>
      <c r="F41" s="73">
        <v>884828</v>
      </c>
      <c r="G41" s="74"/>
      <c r="H41" s="74">
        <v>-0.28000000000000003</v>
      </c>
      <c r="I41" s="76">
        <v>892070</v>
      </c>
      <c r="J41" s="77"/>
      <c r="K41" s="78">
        <v>0.82</v>
      </c>
      <c r="L41" s="79">
        <v>883520</v>
      </c>
      <c r="M41" s="78"/>
      <c r="N41" s="75">
        <v>-0.96</v>
      </c>
      <c r="O41" s="77">
        <v>883855</v>
      </c>
      <c r="P41" s="79"/>
      <c r="Q41" s="80">
        <v>0.04</v>
      </c>
      <c r="S41" s="70"/>
      <c r="T41" s="70"/>
    </row>
    <row r="43" spans="1:22" x14ac:dyDescent="0.2">
      <c r="A43" s="81"/>
      <c r="S43" s="82"/>
      <c r="T43" s="82"/>
    </row>
  </sheetData>
  <mergeCells count="15">
    <mergeCell ref="L4:L5"/>
    <mergeCell ref="O4:O5"/>
    <mergeCell ref="A39:B39"/>
    <mergeCell ref="A40:B40"/>
    <mergeCell ref="A41:B41"/>
    <mergeCell ref="S2:T2"/>
    <mergeCell ref="A3:B5"/>
    <mergeCell ref="C3:E3"/>
    <mergeCell ref="F3:H3"/>
    <mergeCell ref="I3:K3"/>
    <mergeCell ref="L3:N3"/>
    <mergeCell ref="O3:Q3"/>
    <mergeCell ref="C4:C5"/>
    <mergeCell ref="F4:F5"/>
    <mergeCell ref="I4:I5"/>
  </mergeCells>
  <phoneticPr fontId="3"/>
  <printOptions gridLinesSet="0"/>
  <pageMargins left="0.76" right="0.59055118110236227" top="0.59055118110236227" bottom="0.59055118110236227" header="0.27559055118110237" footer="0.1968503937007874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一人当たりの基準総所得額の推移</vt:lpstr>
      <vt:lpstr>一人当たりの基準総所得額の推移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3-01-23T01:00:58Z</dcterms:created>
  <dcterms:modified xsi:type="dcterms:W3CDTF">2023-01-23T01:01:27Z</dcterms:modified>
</cp:coreProperties>
</file>